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C:\Users\s00056\Desktop\HP用\"/>
    </mc:Choice>
  </mc:AlternateContent>
  <xr:revisionPtr revIDLastSave="0" documentId="13_ncr:1_{867033F0-8DA9-4716-B255-05E149F83735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家庭教育・学校・地域" sheetId="13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32" uniqueCount="120">
  <si>
    <t>番号</t>
    <rPh sb="0" eb="2">
      <t>バンゴウ</t>
    </rPh>
    <phoneticPr fontId="1"/>
  </si>
  <si>
    <t>書籍名</t>
    <rPh sb="0" eb="2">
      <t>ショセキ</t>
    </rPh>
    <rPh sb="2" eb="3">
      <t>メイ</t>
    </rPh>
    <phoneticPr fontId="1"/>
  </si>
  <si>
    <t>著者</t>
    <rPh sb="0" eb="2">
      <t>チョシャ</t>
    </rPh>
    <phoneticPr fontId="1"/>
  </si>
  <si>
    <t>出版社</t>
    <rPh sb="0" eb="3">
      <t>シュッパンシャ</t>
    </rPh>
    <phoneticPr fontId="1"/>
  </si>
  <si>
    <t>学文社</t>
    <phoneticPr fontId="1"/>
  </si>
  <si>
    <t>三浦清一郎</t>
    <phoneticPr fontId="1"/>
  </si>
  <si>
    <t>岡本薫</t>
    <phoneticPr fontId="1"/>
  </si>
  <si>
    <t>悠光堂</t>
    <phoneticPr fontId="1"/>
  </si>
  <si>
    <t>ちくま新書</t>
    <phoneticPr fontId="1"/>
  </si>
  <si>
    <t>地域再生の罠　なぜ市民と地方は豊かになれないのか？</t>
    <phoneticPr fontId="1"/>
  </si>
  <si>
    <t>久繁哲之助</t>
    <phoneticPr fontId="1"/>
  </si>
  <si>
    <t>公立学校の底力</t>
    <phoneticPr fontId="1"/>
  </si>
  <si>
    <t>志水宏吉</t>
    <phoneticPr fontId="1"/>
  </si>
  <si>
    <t>公立小学校の挑戦　「力のある学校」とはなにか</t>
    <phoneticPr fontId="1"/>
  </si>
  <si>
    <t>はじめての教育効果測定　教育研修の質を高めるために</t>
    <phoneticPr fontId="1"/>
  </si>
  <si>
    <t>堤宇一　青山征彦   久保田享</t>
    <phoneticPr fontId="1"/>
  </si>
  <si>
    <t>日科技連</t>
    <phoneticPr fontId="1"/>
  </si>
  <si>
    <t>生きる強さを育てる　家庭の底力</t>
    <phoneticPr fontId="1"/>
  </si>
  <si>
    <t>永池榮吉</t>
    <phoneticPr fontId="1"/>
  </si>
  <si>
    <t>ＫＫロングセラーズ</t>
    <phoneticPr fontId="1"/>
  </si>
  <si>
    <t>しつけの回復　教えることの復権　「教育公害」を予防する</t>
    <phoneticPr fontId="1"/>
  </si>
  <si>
    <t>今日から怒らないママになれる本!</t>
    <phoneticPr fontId="1"/>
  </si>
  <si>
    <t>川井道子</t>
    <phoneticPr fontId="1"/>
  </si>
  <si>
    <t>学陽書房</t>
    <phoneticPr fontId="1"/>
  </si>
  <si>
    <t>子育てハッピーアドバイス　大好き！が伝わるほめ方・叱り方２</t>
    <phoneticPr fontId="1"/>
  </si>
  <si>
    <t>忙しいパパのための子育てハッピーアドバイス</t>
    <phoneticPr fontId="1"/>
  </si>
  <si>
    <t>明橋大二</t>
    <phoneticPr fontId="1"/>
  </si>
  <si>
    <t>一万年堂出版</t>
    <phoneticPr fontId="1"/>
  </si>
  <si>
    <t>ひきこもり　町おこしに発つ</t>
    <phoneticPr fontId="1"/>
  </si>
  <si>
    <t>秋田魁新報社</t>
    <phoneticPr fontId="1"/>
  </si>
  <si>
    <t>コミュニティデザインの時代　自分たちで「まち」をつくる</t>
    <phoneticPr fontId="1"/>
  </si>
  <si>
    <t>山崎亮</t>
    <phoneticPr fontId="1"/>
  </si>
  <si>
    <t>中公新書</t>
    <phoneticPr fontId="1"/>
  </si>
  <si>
    <t>学校の勉強だけではメシは食えない！</t>
    <phoneticPr fontId="1"/>
  </si>
  <si>
    <t>岡野雅行</t>
    <phoneticPr fontId="1"/>
  </si>
  <si>
    <t>こう書房</t>
    <phoneticPr fontId="1"/>
  </si>
  <si>
    <t>子育て支援の方法と少年教育の原点</t>
    <phoneticPr fontId="1"/>
  </si>
  <si>
    <t>子どもが伸びるほめ方・しかり方　子どものしつけは９歳までに</t>
    <phoneticPr fontId="1"/>
  </si>
  <si>
    <t>武田頂子</t>
    <phoneticPr fontId="1"/>
  </si>
  <si>
    <t>学研</t>
    <rPh sb="0" eb="2">
      <t>ガッケン</t>
    </rPh>
    <phoneticPr fontId="1"/>
  </si>
  <si>
    <t>日本を滅ぼす教育論議　</t>
    <phoneticPr fontId="1"/>
  </si>
  <si>
    <t>講談社現代新書</t>
    <phoneticPr fontId="1"/>
  </si>
  <si>
    <t>子どもと学ぶ　いじめ・暴力克服プログラム</t>
    <phoneticPr fontId="1"/>
  </si>
  <si>
    <t>武田さち子</t>
    <phoneticPr fontId="1"/>
  </si>
  <si>
    <t>合同出版</t>
    <phoneticPr fontId="1"/>
  </si>
  <si>
    <t>いじめの連鎖を断つ　ーあなたにもできる｢いじめ防止プログラム」</t>
    <phoneticPr fontId="1"/>
  </si>
  <si>
    <t>砂川真澄</t>
    <phoneticPr fontId="1"/>
  </si>
  <si>
    <t>冨山房インターナショナル</t>
    <phoneticPr fontId="1"/>
  </si>
  <si>
    <t>｢脱いじめ論」 子どもを守るために大人に伝えたいこと</t>
    <phoneticPr fontId="1"/>
  </si>
  <si>
    <t>尾木直樹</t>
    <phoneticPr fontId="1"/>
  </si>
  <si>
    <t>PHP文庫</t>
    <phoneticPr fontId="1"/>
  </si>
  <si>
    <t>子どもと暴力　子ども達と語るために</t>
    <phoneticPr fontId="1"/>
  </si>
  <si>
    <t>森田ゆり</t>
    <phoneticPr fontId="1"/>
  </si>
  <si>
    <t>岩波現代文庫</t>
    <phoneticPr fontId="1"/>
  </si>
  <si>
    <t>いじめ防止　６時間プログラム　いじめ加害者を出さない指導</t>
    <phoneticPr fontId="1"/>
  </si>
  <si>
    <t>つながりを煽られる子どもたちネット依存といじめ問題を考える</t>
    <phoneticPr fontId="1"/>
  </si>
  <si>
    <t>社会を結びなおす　　教育・仕事・家族の連携</t>
    <phoneticPr fontId="1"/>
  </si>
  <si>
    <t>つながらないつながる社会学</t>
    <phoneticPr fontId="1"/>
  </si>
  <si>
    <t>栗原愼二</t>
    <phoneticPr fontId="1"/>
  </si>
  <si>
    <t>ほんの森出版</t>
    <phoneticPr fontId="1"/>
  </si>
  <si>
    <t>土井隆義</t>
    <phoneticPr fontId="1"/>
  </si>
  <si>
    <t>岩波ブックレット</t>
    <phoneticPr fontId="1"/>
  </si>
  <si>
    <t>本田由紀</t>
    <phoneticPr fontId="1"/>
  </si>
  <si>
    <t>永田攻一　田所承己</t>
    <phoneticPr fontId="1"/>
  </si>
  <si>
    <t>弘文堂</t>
    <phoneticPr fontId="1"/>
  </si>
  <si>
    <t>「個性」を煽られる子どもたち　親密圏の変容を考える</t>
    <phoneticPr fontId="1"/>
  </si>
  <si>
    <t>人とかかわるコミュニケーション学習帳</t>
    <phoneticPr fontId="1"/>
  </si>
  <si>
    <t>松田道夫</t>
    <phoneticPr fontId="1"/>
  </si>
  <si>
    <t>日本地域社会研究所</t>
    <phoneticPr fontId="1"/>
  </si>
  <si>
    <t>小学生の親の子育てバイブル『転んでも立ち上がれる子』はあなたが育てる　ー不登校の小学生が悩む「学校が怖い」「学校へ行きたくない」の正体ー</t>
    <phoneticPr fontId="1"/>
  </si>
  <si>
    <t>水野達郎</t>
    <phoneticPr fontId="1"/>
  </si>
  <si>
    <t>牧歌舎</t>
    <phoneticPr fontId="1"/>
  </si>
  <si>
    <t>ＰＴＡ再活用論　悩ましき現実を越えて</t>
    <phoneticPr fontId="1"/>
  </si>
  <si>
    <t>川端裕人</t>
    <phoneticPr fontId="1"/>
  </si>
  <si>
    <t>中公新書ラクレ</t>
    <phoneticPr fontId="1"/>
  </si>
  <si>
    <t>大人も子どももみんなハッピーになる　PTA会長　レモンさんの子育てビタミン標語</t>
    <phoneticPr fontId="1"/>
  </si>
  <si>
    <t>小学館</t>
    <phoneticPr fontId="1"/>
  </si>
  <si>
    <t>やる気と思いやりを育てる親子実例集「心の基地」はおかあさん</t>
    <phoneticPr fontId="1"/>
  </si>
  <si>
    <t>平井信義</t>
    <phoneticPr fontId="1"/>
  </si>
  <si>
    <t>新紀元社</t>
    <phoneticPr fontId="1"/>
  </si>
  <si>
    <t>お母さんのいらいらがニコニコ二変わる　魔法の子育てカウンセリング「おとな心」の</t>
    <phoneticPr fontId="1"/>
  </si>
  <si>
    <t>阿部秀雄</t>
    <phoneticPr fontId="1"/>
  </si>
  <si>
    <t>カンゼン</t>
    <phoneticPr fontId="1"/>
  </si>
  <si>
    <t>失敗させる！6歳までの子育て　子どもは失敗するほど賢くなる</t>
    <phoneticPr fontId="1"/>
  </si>
  <si>
    <t>本吉圓子</t>
    <phoneticPr fontId="1"/>
  </si>
  <si>
    <t>ＰＴＡをけっこうラクにたのしくする本</t>
    <phoneticPr fontId="1"/>
  </si>
  <si>
    <t>大塚玲子</t>
    <phoneticPr fontId="1"/>
  </si>
  <si>
    <t>太郎次郎社エディタス</t>
    <phoneticPr fontId="1"/>
  </si>
  <si>
    <t>エビデンスに基づく効果的なスクールソーシャルワーク　　現場で使える教育行政と協働のプログラム</t>
    <phoneticPr fontId="1"/>
  </si>
  <si>
    <t>山野則子</t>
    <phoneticPr fontId="1"/>
  </si>
  <si>
    <t>明石書店</t>
    <phoneticPr fontId="1"/>
  </si>
  <si>
    <t>欲しい子育て支援は自分たちの手で創り出そう　ワンコインの子育てシェアが社会を変える!!</t>
    <phoneticPr fontId="1"/>
  </si>
  <si>
    <t>株式会社ＡｓＭａｍａ甲田恵子</t>
    <phoneticPr fontId="1"/>
  </si>
  <si>
    <t>合同フォレスト</t>
    <phoneticPr fontId="1"/>
  </si>
  <si>
    <t>ノンファーマル教育の可能性　リアルな生活に根ざす教育</t>
    <phoneticPr fontId="1"/>
  </si>
  <si>
    <t>丸山英樹   太田美幸</t>
    <phoneticPr fontId="1"/>
  </si>
  <si>
    <t>新評論</t>
    <phoneticPr fontId="1"/>
  </si>
  <si>
    <t>“大人になっても困らない子ども”を育てる</t>
    <phoneticPr fontId="1"/>
  </si>
  <si>
    <t>斎藤哲瑯</t>
    <phoneticPr fontId="1"/>
  </si>
  <si>
    <t>心を育む学校のチカラ　学校と家庭・地域の協働を生かして</t>
    <phoneticPr fontId="1"/>
  </si>
  <si>
    <t>全国連合退職校長会</t>
    <phoneticPr fontId="1"/>
  </si>
  <si>
    <t>東洋館出版社</t>
    <phoneticPr fontId="1"/>
  </si>
  <si>
    <t>withコロナ時代の授業のあり方</t>
    <phoneticPr fontId="1"/>
  </si>
  <si>
    <t>庄司寛之</t>
    <phoneticPr fontId="1"/>
  </si>
  <si>
    <t>明治図書出版</t>
    <phoneticPr fontId="1"/>
  </si>
  <si>
    <t>学校と社会をつなぐ！</t>
    <phoneticPr fontId="1"/>
  </si>
  <si>
    <t>藤原文雄  他</t>
    <rPh sb="6" eb="7">
      <t>ホカ</t>
    </rPh>
    <phoneticPr fontId="1"/>
  </si>
  <si>
    <t>学事出版</t>
    <phoneticPr fontId="1"/>
  </si>
  <si>
    <t>遊んで見つける学びの革命</t>
    <phoneticPr fontId="1"/>
  </si>
  <si>
    <t>宝槻泰伸</t>
    <phoneticPr fontId="1"/>
  </si>
  <si>
    <t>２．家庭教育・学校・地域</t>
    <rPh sb="2" eb="4">
      <t>カテイ</t>
    </rPh>
    <rPh sb="4" eb="6">
      <t>キョウイク</t>
    </rPh>
    <rPh sb="7" eb="9">
      <t>ガッコウ</t>
    </rPh>
    <rPh sb="10" eb="12">
      <t>チイキ</t>
    </rPh>
    <phoneticPr fontId="1"/>
  </si>
  <si>
    <t>発行年</t>
    <rPh sb="0" eb="3">
      <t>ハッコウネン</t>
    </rPh>
    <phoneticPr fontId="1"/>
  </si>
  <si>
    <t>ラジオDJ山本シュウ</t>
    <rPh sb="5" eb="7">
      <t>ヤマモト</t>
    </rPh>
    <phoneticPr fontId="1"/>
  </si>
  <si>
    <t>藤里町社会福祉協議会</t>
    <phoneticPr fontId="1"/>
  </si>
  <si>
    <t>子どもの貧困白書</t>
    <phoneticPr fontId="1"/>
  </si>
  <si>
    <t>子どもの貧困白書編集委員会</t>
    <phoneticPr fontId="1"/>
  </si>
  <si>
    <t>明石書房</t>
    <phoneticPr fontId="1"/>
  </si>
  <si>
    <t>非認知能力の強化書</t>
    <phoneticPr fontId="7"/>
  </si>
  <si>
    <t>中山芳一</t>
    <phoneticPr fontId="7"/>
  </si>
  <si>
    <t>東京書籍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メイリオ"/>
      <family val="3"/>
      <charset val="128"/>
    </font>
    <font>
      <b/>
      <sz val="16"/>
      <color theme="1"/>
      <name val="メイリオ"/>
      <family val="3"/>
      <charset val="128"/>
    </font>
    <font>
      <sz val="9"/>
      <color theme="1"/>
      <name val="メイリオ"/>
      <family val="3"/>
      <charset val="128"/>
    </font>
    <font>
      <sz val="9"/>
      <color theme="1"/>
      <name val="游ゴシック"/>
      <family val="2"/>
      <charset val="128"/>
      <scheme val="minor"/>
    </font>
    <font>
      <sz val="9"/>
      <name val="メイリオ"/>
      <family val="3"/>
      <charset val="128"/>
    </font>
    <font>
      <sz val="6"/>
      <name val="ＭＳ Ｐ明朝"/>
      <family val="1"/>
      <charset val="128"/>
    </font>
    <font>
      <sz val="9"/>
      <color rgb="FF000000"/>
      <name val="メイリオ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4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vertical="center" wrapText="1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horizontal="left" vertical="center" wrapText="1"/>
    </xf>
    <xf numFmtId="0" fontId="4" fillId="0" borderId="0" xfId="0" applyFont="1" applyBorder="1" applyAlignment="1">
      <alignment horizontal="left" vertical="center" wrapText="1"/>
    </xf>
    <xf numFmtId="0" fontId="4" fillId="0" borderId="0" xfId="0" applyFont="1" applyBorder="1" applyAlignment="1">
      <alignment vertical="center" wrapText="1"/>
    </xf>
    <xf numFmtId="0" fontId="5" fillId="0" borderId="0" xfId="0" applyFont="1" applyBorder="1" applyAlignment="1">
      <alignment vertical="center" wrapText="1"/>
    </xf>
    <xf numFmtId="0" fontId="4" fillId="0" borderId="0" xfId="0" applyFont="1">
      <alignment vertical="center"/>
    </xf>
    <xf numFmtId="0" fontId="4" fillId="0" borderId="0" xfId="0" applyFont="1" applyAlignment="1">
      <alignment horizontal="left" vertical="center"/>
    </xf>
    <xf numFmtId="0" fontId="4" fillId="0" borderId="1" xfId="0" applyFont="1" applyBorder="1">
      <alignment vertical="center"/>
    </xf>
    <xf numFmtId="0" fontId="3" fillId="0" borderId="0" xfId="0" applyFont="1" applyAlignment="1">
      <alignment horizontal="left" vertical="center"/>
    </xf>
    <xf numFmtId="0" fontId="6" fillId="0" borderId="1" xfId="0" applyFont="1" applyBorder="1" applyAlignment="1">
      <alignment wrapText="1" shrinkToFit="1"/>
    </xf>
    <xf numFmtId="0" fontId="8" fillId="0" borderId="1" xfId="0" applyFont="1" applyBorder="1" applyAlignme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72"/>
  <sheetViews>
    <sheetView tabSelected="1" topLeftCell="A35" workbookViewId="0">
      <selection activeCell="G41" sqref="G41:G42"/>
    </sheetView>
  </sheetViews>
  <sheetFormatPr defaultRowHeight="18" x14ac:dyDescent="0.55000000000000004"/>
  <cols>
    <col min="1" max="1" width="8.6640625" customWidth="1"/>
    <col min="2" max="2" width="60.33203125" customWidth="1"/>
    <col min="3" max="3" width="21.83203125" customWidth="1"/>
    <col min="4" max="4" width="21" customWidth="1"/>
  </cols>
  <sheetData>
    <row r="1" spans="1:5" ht="25.5" x14ac:dyDescent="0.55000000000000004">
      <c r="A1" s="11" t="s">
        <v>110</v>
      </c>
      <c r="B1" s="11"/>
      <c r="C1" s="11"/>
      <c r="D1" s="11"/>
    </row>
    <row r="2" spans="1:5" x14ac:dyDescent="0.55000000000000004">
      <c r="A2" s="1" t="s">
        <v>0</v>
      </c>
      <c r="B2" s="1" t="s">
        <v>1</v>
      </c>
      <c r="C2" s="1" t="s">
        <v>2</v>
      </c>
      <c r="D2" s="1" t="s">
        <v>3</v>
      </c>
      <c r="E2" s="1" t="s">
        <v>111</v>
      </c>
    </row>
    <row r="3" spans="1:5" x14ac:dyDescent="0.55000000000000004">
      <c r="A3" s="4">
        <v>100013</v>
      </c>
      <c r="B3" s="2" t="s">
        <v>9</v>
      </c>
      <c r="C3" s="2" t="s">
        <v>10</v>
      </c>
      <c r="D3" s="2" t="s">
        <v>8</v>
      </c>
      <c r="E3" s="3">
        <v>2010</v>
      </c>
    </row>
    <row r="4" spans="1:5" x14ac:dyDescent="0.55000000000000004">
      <c r="A4" s="4">
        <v>100025</v>
      </c>
      <c r="B4" s="2" t="s">
        <v>11</v>
      </c>
      <c r="C4" s="2" t="s">
        <v>12</v>
      </c>
      <c r="D4" s="2" t="s">
        <v>8</v>
      </c>
      <c r="E4" s="3">
        <v>2008</v>
      </c>
    </row>
    <row r="5" spans="1:5" x14ac:dyDescent="0.55000000000000004">
      <c r="A5" s="4">
        <v>100026</v>
      </c>
      <c r="B5" s="2" t="s">
        <v>13</v>
      </c>
      <c r="C5" s="2" t="s">
        <v>12</v>
      </c>
      <c r="D5" s="2" t="s">
        <v>8</v>
      </c>
      <c r="E5" s="3">
        <v>2010</v>
      </c>
    </row>
    <row r="6" spans="1:5" x14ac:dyDescent="0.55000000000000004">
      <c r="A6" s="4">
        <v>100028</v>
      </c>
      <c r="B6" s="2" t="s">
        <v>14</v>
      </c>
      <c r="C6" s="2" t="s">
        <v>15</v>
      </c>
      <c r="D6" s="2" t="s">
        <v>16</v>
      </c>
      <c r="E6" s="3">
        <v>2007</v>
      </c>
    </row>
    <row r="7" spans="1:5" x14ac:dyDescent="0.55000000000000004">
      <c r="A7" s="4">
        <v>100029</v>
      </c>
      <c r="B7" s="2" t="s">
        <v>17</v>
      </c>
      <c r="C7" s="2" t="s">
        <v>18</v>
      </c>
      <c r="D7" s="2" t="s">
        <v>19</v>
      </c>
      <c r="E7" s="3">
        <v>2010</v>
      </c>
    </row>
    <row r="8" spans="1:5" x14ac:dyDescent="0.55000000000000004">
      <c r="A8" s="4">
        <v>100030</v>
      </c>
      <c r="B8" s="2" t="s">
        <v>20</v>
      </c>
      <c r="C8" s="2" t="s">
        <v>5</v>
      </c>
      <c r="D8" s="2" t="s">
        <v>4</v>
      </c>
      <c r="E8" s="3">
        <v>2008</v>
      </c>
    </row>
    <row r="9" spans="1:5" x14ac:dyDescent="0.55000000000000004">
      <c r="A9" s="4">
        <v>100033</v>
      </c>
      <c r="B9" s="2" t="s">
        <v>21</v>
      </c>
      <c r="C9" s="2" t="s">
        <v>22</v>
      </c>
      <c r="D9" s="2" t="s">
        <v>23</v>
      </c>
      <c r="E9" s="3">
        <v>2005</v>
      </c>
    </row>
    <row r="10" spans="1:5" x14ac:dyDescent="0.55000000000000004">
      <c r="A10" s="4">
        <v>110002</v>
      </c>
      <c r="B10" s="2" t="s">
        <v>24</v>
      </c>
      <c r="C10" s="2" t="s">
        <v>26</v>
      </c>
      <c r="D10" s="2" t="s">
        <v>27</v>
      </c>
      <c r="E10" s="3">
        <v>2011</v>
      </c>
    </row>
    <row r="11" spans="1:5" x14ac:dyDescent="0.55000000000000004">
      <c r="A11" s="4">
        <v>110003</v>
      </c>
      <c r="B11" s="2" t="s">
        <v>25</v>
      </c>
      <c r="C11" s="2" t="s">
        <v>26</v>
      </c>
      <c r="D11" s="2" t="s">
        <v>27</v>
      </c>
      <c r="E11" s="3">
        <v>2011</v>
      </c>
    </row>
    <row r="12" spans="1:5" x14ac:dyDescent="0.55000000000000004">
      <c r="A12" s="4">
        <v>120012</v>
      </c>
      <c r="B12" s="2" t="s">
        <v>28</v>
      </c>
      <c r="C12" s="2" t="s">
        <v>113</v>
      </c>
      <c r="D12" s="2" t="s">
        <v>29</v>
      </c>
      <c r="E12" s="3">
        <v>2012</v>
      </c>
    </row>
    <row r="13" spans="1:5" x14ac:dyDescent="0.55000000000000004">
      <c r="A13" s="4">
        <v>120026</v>
      </c>
      <c r="B13" s="2" t="s">
        <v>30</v>
      </c>
      <c r="C13" s="2" t="s">
        <v>31</v>
      </c>
      <c r="D13" s="2" t="s">
        <v>32</v>
      </c>
      <c r="E13" s="3">
        <v>2012</v>
      </c>
    </row>
    <row r="14" spans="1:5" x14ac:dyDescent="0.55000000000000004">
      <c r="A14" s="4">
        <v>120029</v>
      </c>
      <c r="B14" s="2" t="s">
        <v>33</v>
      </c>
      <c r="C14" s="2" t="s">
        <v>34</v>
      </c>
      <c r="D14" s="2" t="s">
        <v>35</v>
      </c>
      <c r="E14" s="3">
        <v>2007</v>
      </c>
    </row>
    <row r="15" spans="1:5" x14ac:dyDescent="0.55000000000000004">
      <c r="A15" s="4">
        <v>120030</v>
      </c>
      <c r="B15" s="2" t="s">
        <v>36</v>
      </c>
      <c r="C15" s="2" t="s">
        <v>5</v>
      </c>
      <c r="D15" s="2" t="s">
        <v>4</v>
      </c>
      <c r="E15" s="3">
        <v>2006</v>
      </c>
    </row>
    <row r="16" spans="1:5" x14ac:dyDescent="0.55000000000000004">
      <c r="A16" s="4">
        <v>120032</v>
      </c>
      <c r="B16" s="2" t="s">
        <v>37</v>
      </c>
      <c r="C16" s="2" t="s">
        <v>38</v>
      </c>
      <c r="D16" s="2" t="s">
        <v>39</v>
      </c>
      <c r="E16" s="3">
        <v>2012</v>
      </c>
    </row>
    <row r="17" spans="1:5" x14ac:dyDescent="0.55000000000000004">
      <c r="A17" s="4">
        <v>130007</v>
      </c>
      <c r="B17" s="2" t="s">
        <v>40</v>
      </c>
      <c r="C17" s="2" t="s">
        <v>6</v>
      </c>
      <c r="D17" s="2" t="s">
        <v>41</v>
      </c>
      <c r="E17" s="3">
        <v>2006</v>
      </c>
    </row>
    <row r="18" spans="1:5" x14ac:dyDescent="0.55000000000000004">
      <c r="A18" s="3">
        <v>130010</v>
      </c>
      <c r="B18" s="10" t="s">
        <v>114</v>
      </c>
      <c r="C18" s="2" t="s">
        <v>115</v>
      </c>
      <c r="D18" s="10" t="s">
        <v>116</v>
      </c>
      <c r="E18" s="3">
        <v>2009</v>
      </c>
    </row>
    <row r="19" spans="1:5" x14ac:dyDescent="0.55000000000000004">
      <c r="A19" s="4">
        <v>130027</v>
      </c>
      <c r="B19" s="2" t="s">
        <v>42</v>
      </c>
      <c r="C19" s="2" t="s">
        <v>43</v>
      </c>
      <c r="D19" s="2" t="s">
        <v>44</v>
      </c>
      <c r="E19" s="3">
        <v>2009</v>
      </c>
    </row>
    <row r="20" spans="1:5" x14ac:dyDescent="0.55000000000000004">
      <c r="A20" s="4">
        <v>130037</v>
      </c>
      <c r="B20" s="2" t="s">
        <v>45</v>
      </c>
      <c r="C20" s="2" t="s">
        <v>46</v>
      </c>
      <c r="D20" s="2" t="s">
        <v>47</v>
      </c>
      <c r="E20" s="3">
        <v>2008</v>
      </c>
    </row>
    <row r="21" spans="1:5" x14ac:dyDescent="0.55000000000000004">
      <c r="A21" s="4">
        <v>130041</v>
      </c>
      <c r="B21" s="2" t="s">
        <v>48</v>
      </c>
      <c r="C21" s="2" t="s">
        <v>49</v>
      </c>
      <c r="D21" s="2" t="s">
        <v>50</v>
      </c>
      <c r="E21" s="3">
        <v>2013</v>
      </c>
    </row>
    <row r="22" spans="1:5" x14ac:dyDescent="0.55000000000000004">
      <c r="A22" s="4">
        <v>130048</v>
      </c>
      <c r="B22" s="2" t="s">
        <v>51</v>
      </c>
      <c r="C22" s="2" t="s">
        <v>52</v>
      </c>
      <c r="D22" s="2" t="s">
        <v>53</v>
      </c>
      <c r="E22" s="3">
        <v>2011</v>
      </c>
    </row>
    <row r="23" spans="1:5" x14ac:dyDescent="0.55000000000000004">
      <c r="A23" s="4">
        <v>140005</v>
      </c>
      <c r="B23" s="2" t="s">
        <v>54</v>
      </c>
      <c r="C23" s="2" t="s">
        <v>58</v>
      </c>
      <c r="D23" s="2" t="s">
        <v>59</v>
      </c>
      <c r="E23" s="3">
        <v>3013</v>
      </c>
    </row>
    <row r="24" spans="1:5" x14ac:dyDescent="0.55000000000000004">
      <c r="A24" s="4">
        <v>140006</v>
      </c>
      <c r="B24" s="2" t="s">
        <v>55</v>
      </c>
      <c r="C24" s="2" t="s">
        <v>60</v>
      </c>
      <c r="D24" s="2" t="s">
        <v>61</v>
      </c>
      <c r="E24" s="3">
        <v>2014</v>
      </c>
    </row>
    <row r="25" spans="1:5" x14ac:dyDescent="0.55000000000000004">
      <c r="A25" s="4">
        <v>140007</v>
      </c>
      <c r="B25" s="2" t="s">
        <v>56</v>
      </c>
      <c r="C25" s="2" t="s">
        <v>62</v>
      </c>
      <c r="D25" s="2" t="s">
        <v>61</v>
      </c>
      <c r="E25" s="3">
        <v>2014</v>
      </c>
    </row>
    <row r="26" spans="1:5" x14ac:dyDescent="0.55000000000000004">
      <c r="A26" s="4">
        <v>140008</v>
      </c>
      <c r="B26" s="2" t="s">
        <v>57</v>
      </c>
      <c r="C26" s="2" t="s">
        <v>63</v>
      </c>
      <c r="D26" s="2" t="s">
        <v>64</v>
      </c>
      <c r="E26" s="3">
        <v>2014</v>
      </c>
    </row>
    <row r="27" spans="1:5" x14ac:dyDescent="0.55000000000000004">
      <c r="A27" s="4">
        <v>140016</v>
      </c>
      <c r="B27" s="2" t="s">
        <v>65</v>
      </c>
      <c r="C27" s="2" t="s">
        <v>60</v>
      </c>
      <c r="D27" s="2" t="s">
        <v>61</v>
      </c>
      <c r="E27" s="3">
        <v>2013</v>
      </c>
    </row>
    <row r="28" spans="1:5" x14ac:dyDescent="0.55000000000000004">
      <c r="A28" s="4">
        <v>140017</v>
      </c>
      <c r="B28" s="2" t="s">
        <v>66</v>
      </c>
      <c r="C28" s="2" t="s">
        <v>67</v>
      </c>
      <c r="D28" s="2" t="s">
        <v>68</v>
      </c>
      <c r="E28" s="3">
        <v>2014</v>
      </c>
    </row>
    <row r="29" spans="1:5" ht="29" x14ac:dyDescent="0.55000000000000004">
      <c r="A29" s="4">
        <v>150006</v>
      </c>
      <c r="B29" s="2" t="s">
        <v>69</v>
      </c>
      <c r="C29" s="2" t="s">
        <v>70</v>
      </c>
      <c r="D29" s="2" t="s">
        <v>71</v>
      </c>
      <c r="E29" s="3">
        <v>2013</v>
      </c>
    </row>
    <row r="30" spans="1:5" x14ac:dyDescent="0.55000000000000004">
      <c r="A30" s="4">
        <v>150007</v>
      </c>
      <c r="B30" s="2" t="s">
        <v>72</v>
      </c>
      <c r="C30" s="2" t="s">
        <v>73</v>
      </c>
      <c r="D30" s="2" t="s">
        <v>74</v>
      </c>
      <c r="E30" s="3">
        <v>2008</v>
      </c>
    </row>
    <row r="31" spans="1:5" x14ac:dyDescent="0.55000000000000004">
      <c r="A31" s="4">
        <v>150008</v>
      </c>
      <c r="B31" s="2" t="s">
        <v>75</v>
      </c>
      <c r="C31" s="2" t="s">
        <v>112</v>
      </c>
      <c r="D31" s="2" t="s">
        <v>76</v>
      </c>
      <c r="E31" s="3">
        <v>2009</v>
      </c>
    </row>
    <row r="32" spans="1:5" x14ac:dyDescent="0.55000000000000004">
      <c r="A32" s="4">
        <v>150010</v>
      </c>
      <c r="B32" s="2" t="s">
        <v>77</v>
      </c>
      <c r="C32" s="2" t="s">
        <v>78</v>
      </c>
      <c r="D32" s="2" t="s">
        <v>79</v>
      </c>
      <c r="E32" s="3">
        <v>2003</v>
      </c>
    </row>
    <row r="33" spans="1:5" x14ac:dyDescent="0.55000000000000004">
      <c r="A33" s="4">
        <v>150011</v>
      </c>
      <c r="B33" s="2" t="s">
        <v>80</v>
      </c>
      <c r="C33" s="2" t="s">
        <v>81</v>
      </c>
      <c r="D33" s="2" t="s">
        <v>82</v>
      </c>
      <c r="E33" s="3">
        <v>2010</v>
      </c>
    </row>
    <row r="34" spans="1:5" x14ac:dyDescent="0.55000000000000004">
      <c r="A34" s="4">
        <v>150013</v>
      </c>
      <c r="B34" s="2" t="s">
        <v>83</v>
      </c>
      <c r="C34" s="2" t="s">
        <v>84</v>
      </c>
      <c r="D34" s="2" t="s">
        <v>79</v>
      </c>
      <c r="E34" s="3">
        <v>2007</v>
      </c>
    </row>
    <row r="35" spans="1:5" x14ac:dyDescent="0.55000000000000004">
      <c r="A35" s="4">
        <v>150014</v>
      </c>
      <c r="B35" s="2" t="s">
        <v>85</v>
      </c>
      <c r="C35" s="2" t="s">
        <v>86</v>
      </c>
      <c r="D35" s="2" t="s">
        <v>87</v>
      </c>
      <c r="E35" s="3">
        <v>2014</v>
      </c>
    </row>
    <row r="36" spans="1:5" ht="29" x14ac:dyDescent="0.55000000000000004">
      <c r="A36" s="4">
        <v>150015</v>
      </c>
      <c r="B36" s="2" t="s">
        <v>88</v>
      </c>
      <c r="C36" s="2" t="s">
        <v>89</v>
      </c>
      <c r="D36" s="2" t="s">
        <v>90</v>
      </c>
      <c r="E36" s="3">
        <v>2015</v>
      </c>
    </row>
    <row r="37" spans="1:5" ht="29" x14ac:dyDescent="0.55000000000000004">
      <c r="A37" s="4">
        <v>160008</v>
      </c>
      <c r="B37" s="2" t="s">
        <v>91</v>
      </c>
      <c r="C37" s="2" t="s">
        <v>92</v>
      </c>
      <c r="D37" s="2" t="s">
        <v>93</v>
      </c>
      <c r="E37" s="3">
        <v>2013</v>
      </c>
    </row>
    <row r="38" spans="1:5" x14ac:dyDescent="0.55000000000000004">
      <c r="A38" s="4">
        <v>160019</v>
      </c>
      <c r="B38" s="2" t="s">
        <v>94</v>
      </c>
      <c r="C38" s="2" t="s">
        <v>95</v>
      </c>
      <c r="D38" s="2" t="s">
        <v>96</v>
      </c>
      <c r="E38" s="3">
        <v>2013</v>
      </c>
    </row>
    <row r="39" spans="1:5" x14ac:dyDescent="0.55000000000000004">
      <c r="A39" s="4">
        <v>180012</v>
      </c>
      <c r="B39" s="2" t="s">
        <v>97</v>
      </c>
      <c r="C39" s="2" t="s">
        <v>98</v>
      </c>
      <c r="D39" s="2" t="s">
        <v>7</v>
      </c>
      <c r="E39" s="3">
        <v>2016</v>
      </c>
    </row>
    <row r="40" spans="1:5" x14ac:dyDescent="0.55000000000000004">
      <c r="A40" s="4">
        <v>180019</v>
      </c>
      <c r="B40" s="2" t="s">
        <v>99</v>
      </c>
      <c r="C40" s="2" t="s">
        <v>100</v>
      </c>
      <c r="D40" s="2" t="s">
        <v>101</v>
      </c>
      <c r="E40" s="3">
        <v>2018</v>
      </c>
    </row>
    <row r="41" spans="1:5" x14ac:dyDescent="0.55000000000000004">
      <c r="A41" s="4">
        <v>200011</v>
      </c>
      <c r="B41" s="2" t="s">
        <v>102</v>
      </c>
      <c r="C41" s="2" t="s">
        <v>103</v>
      </c>
      <c r="D41" s="2" t="s">
        <v>104</v>
      </c>
      <c r="E41" s="3">
        <v>2020</v>
      </c>
    </row>
    <row r="42" spans="1:5" x14ac:dyDescent="0.55000000000000004">
      <c r="A42" s="4">
        <v>230008</v>
      </c>
      <c r="B42" s="2" t="s">
        <v>105</v>
      </c>
      <c r="C42" s="2" t="s">
        <v>106</v>
      </c>
      <c r="D42" s="2" t="s">
        <v>107</v>
      </c>
      <c r="E42" s="3">
        <v>2023</v>
      </c>
    </row>
    <row r="43" spans="1:5" x14ac:dyDescent="0.55000000000000004">
      <c r="A43" s="4">
        <v>240003</v>
      </c>
      <c r="B43" s="2" t="s">
        <v>108</v>
      </c>
      <c r="C43" s="2" t="s">
        <v>109</v>
      </c>
      <c r="D43" s="2" t="s">
        <v>76</v>
      </c>
      <c r="E43" s="3">
        <v>2023</v>
      </c>
    </row>
    <row r="44" spans="1:5" x14ac:dyDescent="0.5">
      <c r="A44" s="4">
        <v>250013</v>
      </c>
      <c r="B44" s="12" t="s">
        <v>117</v>
      </c>
      <c r="C44" s="12" t="s">
        <v>118</v>
      </c>
      <c r="D44" s="13" t="s">
        <v>119</v>
      </c>
      <c r="E44" s="3">
        <v>2025</v>
      </c>
    </row>
    <row r="45" spans="1:5" x14ac:dyDescent="0.55000000000000004">
      <c r="A45" s="5"/>
      <c r="B45" s="6"/>
      <c r="C45" s="6"/>
      <c r="D45" s="6"/>
      <c r="E45" s="9"/>
    </row>
    <row r="46" spans="1:5" x14ac:dyDescent="0.55000000000000004">
      <c r="A46" s="5"/>
      <c r="B46" s="6"/>
      <c r="C46" s="6"/>
      <c r="D46" s="6"/>
      <c r="E46" s="9"/>
    </row>
    <row r="47" spans="1:5" x14ac:dyDescent="0.55000000000000004">
      <c r="A47" s="5"/>
      <c r="B47" s="6"/>
      <c r="C47" s="6"/>
      <c r="D47" s="6"/>
      <c r="E47" s="9"/>
    </row>
    <row r="48" spans="1:5" x14ac:dyDescent="0.55000000000000004">
      <c r="A48" s="5"/>
      <c r="B48" s="6"/>
      <c r="C48" s="6"/>
      <c r="D48" s="6"/>
      <c r="E48" s="9"/>
    </row>
    <row r="49" spans="1:5" x14ac:dyDescent="0.55000000000000004">
      <c r="A49" s="5"/>
      <c r="B49" s="6"/>
      <c r="C49" s="6"/>
      <c r="D49" s="6"/>
      <c r="E49" s="9"/>
    </row>
    <row r="50" spans="1:5" x14ac:dyDescent="0.55000000000000004">
      <c r="A50" s="5"/>
      <c r="B50" s="6"/>
      <c r="C50" s="6"/>
      <c r="D50" s="6"/>
      <c r="E50" s="9"/>
    </row>
    <row r="51" spans="1:5" x14ac:dyDescent="0.55000000000000004">
      <c r="A51" s="5"/>
      <c r="B51" s="6"/>
      <c r="C51" s="6"/>
      <c r="D51" s="6"/>
      <c r="E51" s="9"/>
    </row>
    <row r="52" spans="1:5" x14ac:dyDescent="0.55000000000000004">
      <c r="A52" s="5"/>
      <c r="B52" s="6"/>
      <c r="C52" s="6"/>
      <c r="D52" s="6"/>
      <c r="E52" s="9"/>
    </row>
    <row r="53" spans="1:5" x14ac:dyDescent="0.55000000000000004">
      <c r="A53" s="5"/>
      <c r="B53" s="6"/>
      <c r="C53" s="6"/>
      <c r="D53" s="6"/>
      <c r="E53" s="9"/>
    </row>
    <row r="54" spans="1:5" x14ac:dyDescent="0.55000000000000004">
      <c r="A54" s="5"/>
      <c r="B54" s="6"/>
      <c r="C54" s="6"/>
      <c r="D54" s="6"/>
      <c r="E54" s="9"/>
    </row>
    <row r="55" spans="1:5" x14ac:dyDescent="0.55000000000000004">
      <c r="A55" s="5"/>
      <c r="B55" s="6"/>
      <c r="C55" s="6"/>
      <c r="D55" s="6"/>
      <c r="E55" s="9"/>
    </row>
    <row r="56" spans="1:5" x14ac:dyDescent="0.55000000000000004">
      <c r="A56" s="5"/>
      <c r="B56" s="6"/>
      <c r="C56" s="6"/>
      <c r="D56" s="6"/>
      <c r="E56" s="9"/>
    </row>
    <row r="57" spans="1:5" x14ac:dyDescent="0.55000000000000004">
      <c r="A57" s="5"/>
      <c r="B57" s="6"/>
      <c r="C57" s="6"/>
      <c r="D57" s="6"/>
      <c r="E57" s="9"/>
    </row>
    <row r="58" spans="1:5" x14ac:dyDescent="0.55000000000000004">
      <c r="A58" s="5"/>
      <c r="B58" s="6"/>
      <c r="C58" s="6"/>
      <c r="D58" s="6"/>
      <c r="E58" s="9"/>
    </row>
    <row r="59" spans="1:5" x14ac:dyDescent="0.55000000000000004">
      <c r="A59" s="5"/>
      <c r="B59" s="6"/>
      <c r="C59" s="6"/>
      <c r="D59" s="6"/>
      <c r="E59" s="9"/>
    </row>
    <row r="60" spans="1:5" x14ac:dyDescent="0.55000000000000004">
      <c r="A60" s="5"/>
      <c r="B60" s="6"/>
      <c r="C60" s="6"/>
      <c r="D60" s="6"/>
      <c r="E60" s="9"/>
    </row>
    <row r="61" spans="1:5" x14ac:dyDescent="0.55000000000000004">
      <c r="A61" s="5"/>
      <c r="B61" s="6"/>
      <c r="C61" s="6"/>
      <c r="D61" s="6"/>
      <c r="E61" s="9"/>
    </row>
    <row r="62" spans="1:5" x14ac:dyDescent="0.55000000000000004">
      <c r="A62" s="5"/>
      <c r="B62" s="6"/>
      <c r="C62" s="6"/>
      <c r="D62" s="6"/>
      <c r="E62" s="8"/>
    </row>
    <row r="63" spans="1:5" x14ac:dyDescent="0.55000000000000004">
      <c r="A63" s="5"/>
      <c r="B63" s="6"/>
      <c r="C63" s="6"/>
      <c r="D63" s="6"/>
    </row>
    <row r="64" spans="1:5" x14ac:dyDescent="0.55000000000000004">
      <c r="A64" s="5"/>
      <c r="B64" s="6"/>
      <c r="C64" s="6"/>
      <c r="D64" s="6"/>
    </row>
    <row r="65" spans="1:4" x14ac:dyDescent="0.55000000000000004">
      <c r="A65" s="5"/>
      <c r="B65" s="6"/>
      <c r="C65" s="6"/>
      <c r="D65" s="6"/>
    </row>
    <row r="66" spans="1:4" x14ac:dyDescent="0.55000000000000004">
      <c r="A66" s="5"/>
      <c r="B66" s="6"/>
      <c r="C66" s="6"/>
      <c r="D66" s="6"/>
    </row>
    <row r="67" spans="1:4" x14ac:dyDescent="0.55000000000000004">
      <c r="A67" s="5"/>
      <c r="B67" s="6"/>
      <c r="C67" s="6"/>
      <c r="D67" s="6"/>
    </row>
    <row r="68" spans="1:4" x14ac:dyDescent="0.55000000000000004">
      <c r="A68" s="5"/>
      <c r="B68" s="6"/>
      <c r="C68" s="6"/>
      <c r="D68" s="6"/>
    </row>
    <row r="69" spans="1:4" x14ac:dyDescent="0.55000000000000004">
      <c r="A69" s="5"/>
      <c r="B69" s="6"/>
      <c r="C69" s="6"/>
      <c r="D69" s="6"/>
    </row>
    <row r="70" spans="1:4" x14ac:dyDescent="0.55000000000000004">
      <c r="A70" s="6"/>
      <c r="B70" s="6"/>
      <c r="C70" s="6"/>
      <c r="D70" s="6"/>
    </row>
    <row r="71" spans="1:4" x14ac:dyDescent="0.55000000000000004">
      <c r="A71" s="7"/>
      <c r="B71" s="7"/>
      <c r="C71" s="7"/>
      <c r="D71" s="7"/>
    </row>
    <row r="72" spans="1:4" x14ac:dyDescent="0.55000000000000004">
      <c r="A72" s="7"/>
      <c r="B72" s="7"/>
      <c r="C72" s="7"/>
      <c r="D72" s="7"/>
    </row>
  </sheetData>
  <mergeCells count="1">
    <mergeCell ref="A1:D1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家庭教育・学校・地域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　佳子</dc:creator>
  <cp:lastModifiedBy>井上　佳子</cp:lastModifiedBy>
  <cp:lastPrinted>2026-01-21T07:32:37Z</cp:lastPrinted>
  <dcterms:created xsi:type="dcterms:W3CDTF">2025-02-07T02:13:17Z</dcterms:created>
  <dcterms:modified xsi:type="dcterms:W3CDTF">2026-02-18T23:51:01Z</dcterms:modified>
</cp:coreProperties>
</file>